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taphors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symbool&#10;&#10;Automatisch gegenereerde beschrijving">
            <a:extLst>
              <a:ext uri="{FF2B5EF4-FFF2-40B4-BE49-F238E27FC236}">
                <a16:creationId xmlns:a16="http://schemas.microsoft.com/office/drawing/2014/main" id="{BBC0FD00-A1A0-A53C-C8A0-E0C24EC8B2B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3859" y="4554521"/>
            <a:ext cx="1891581" cy="210343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ymbool&#10;&#10;Automatisch gegenereerde beschrijving">
            <a:extLst>
              <a:ext uri="{FF2B5EF4-FFF2-40B4-BE49-F238E27FC236}">
                <a16:creationId xmlns:a16="http://schemas.microsoft.com/office/drawing/2014/main" id="{088E3F36-357F-948C-A716-ACB8EF35AA7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3217" y="3660417"/>
            <a:ext cx="1483433" cy="164957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3</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7</cp:revision>
  <dcterms:created xsi:type="dcterms:W3CDTF">2019-07-30T10:24:44Z</dcterms:created>
  <dcterms:modified xsi:type="dcterms:W3CDTF">2024-11-28T12:15:47Z</dcterms:modified>
</cp:coreProperties>
</file>